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enray/"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4B078B24-F787-AB7C-E49D-E7D55CA02E2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7576" y="4752738"/>
            <a:ext cx="2975699" cy="191635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44ACDC87-1E66-97D8-B0BE-C5700197828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0891" y="3991429"/>
            <a:ext cx="2102361" cy="135392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3-14T12:43:33Z</dcterms:modified>
</cp:coreProperties>
</file>